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0-9-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0-9-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lissin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8DFE5286-2846-AD67-9A63-1BE74CB3C4E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0840" y="4707138"/>
            <a:ext cx="1391707" cy="186210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4323D568-6709-D0E7-3883-709D45E369F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8215" y="3506988"/>
            <a:ext cx="1391707" cy="186210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9-10T14:15:24Z</dcterms:modified>
</cp:coreProperties>
</file>